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6.1）\"/>
    </mc:Choice>
  </mc:AlternateContent>
  <xr:revisionPtr revIDLastSave="0" documentId="13_ncr:1_{7B5E6F51-ACAD-403C-8BD7-CA6C884B01BB}" xr6:coauthVersionLast="36" xr6:coauthVersionMax="47" xr10:uidLastSave="{00000000-0000-0000-0000-000000000000}"/>
  <bookViews>
    <workbookView xWindow="765" yWindow="45" windowWidth="19740" windowHeight="12195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3" uniqueCount="81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ルーマニア</t>
  </si>
  <si>
    <t>フィジー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キルギス</t>
  </si>
  <si>
    <t>パキスタン</t>
  </si>
  <si>
    <t>ウズベキスタン</t>
  </si>
  <si>
    <t>モンゴル</t>
  </si>
  <si>
    <t>ガーナ</t>
  </si>
  <si>
    <t>レバノン</t>
  </si>
  <si>
    <t>不明</t>
    <rPh sb="0" eb="2">
      <t>フメイ</t>
    </rPh>
    <phoneticPr fontId="18"/>
  </si>
  <si>
    <t>令和 8年 5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8"/>
  <sheetViews>
    <sheetView tabSelected="1" zoomScale="80" zoomScaleNormal="8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80</v>
      </c>
    </row>
    <row r="4" spans="1:5" ht="21" x14ac:dyDescent="0.4">
      <c r="A4" s="4" t="s">
        <v>48</v>
      </c>
      <c r="D4" s="13" t="s">
        <v>49</v>
      </c>
      <c r="E4" s="3" t="s">
        <v>80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7</v>
      </c>
      <c r="C7" s="11">
        <v>4</v>
      </c>
      <c r="D7" s="12">
        <v>3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195</v>
      </c>
      <c r="C12" s="11">
        <v>79</v>
      </c>
      <c r="D12" s="12">
        <v>116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60</v>
      </c>
      <c r="C14" s="11">
        <v>16</v>
      </c>
      <c r="D14" s="12">
        <v>44</v>
      </c>
      <c r="E14" s="7"/>
    </row>
    <row r="15" spans="1:5" ht="25.15" customHeight="1" x14ac:dyDescent="0.4">
      <c r="A15" s="7" t="s">
        <v>9</v>
      </c>
      <c r="B15" s="8">
        <v>11</v>
      </c>
      <c r="C15" s="11">
        <v>10</v>
      </c>
      <c r="D15" s="12">
        <v>1</v>
      </c>
      <c r="E15" s="7"/>
    </row>
    <row r="16" spans="1:5" ht="25.15" customHeight="1" x14ac:dyDescent="0.4">
      <c r="A16" s="7" t="s">
        <v>55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15</v>
      </c>
      <c r="C17" s="11">
        <v>14</v>
      </c>
      <c r="D17" s="12">
        <v>1</v>
      </c>
      <c r="E17" s="7"/>
    </row>
    <row r="18" spans="1:5" ht="25.15" customHeight="1" x14ac:dyDescent="0.4">
      <c r="A18" s="7" t="s">
        <v>53</v>
      </c>
      <c r="B18" s="8">
        <v>3</v>
      </c>
      <c r="C18" s="11">
        <v>2</v>
      </c>
      <c r="D18" s="12">
        <v>1</v>
      </c>
      <c r="E18" s="7"/>
    </row>
    <row r="19" spans="1:5" ht="25.15" customHeight="1" x14ac:dyDescent="0.4">
      <c r="A19" s="7" t="s">
        <v>11</v>
      </c>
      <c r="B19" s="8">
        <v>10</v>
      </c>
      <c r="C19" s="11">
        <v>8</v>
      </c>
      <c r="D19" s="12">
        <v>2</v>
      </c>
      <c r="E19" s="7"/>
    </row>
    <row r="20" spans="1:5" ht="25.15" customHeight="1" x14ac:dyDescent="0.4">
      <c r="A20" s="7" t="s">
        <v>12</v>
      </c>
      <c r="B20" s="8">
        <v>34</v>
      </c>
      <c r="C20" s="11">
        <v>15</v>
      </c>
      <c r="D20" s="12">
        <v>19</v>
      </c>
      <c r="E20" s="7"/>
    </row>
    <row r="21" spans="1:5" ht="25.15" customHeight="1" x14ac:dyDescent="0.4">
      <c r="A21" s="7" t="s">
        <v>13</v>
      </c>
      <c r="B21" s="8">
        <v>184</v>
      </c>
      <c r="C21" s="11">
        <v>90</v>
      </c>
      <c r="D21" s="12">
        <v>94</v>
      </c>
      <c r="E21" s="7"/>
    </row>
    <row r="22" spans="1:5" ht="25.15" customHeight="1" x14ac:dyDescent="0.4">
      <c r="A22" s="7" t="s">
        <v>14</v>
      </c>
      <c r="B22" s="8">
        <v>42</v>
      </c>
      <c r="C22" s="11">
        <v>18</v>
      </c>
      <c r="D22" s="12">
        <v>24</v>
      </c>
      <c r="E22" s="7"/>
    </row>
    <row r="23" spans="1:5" ht="25.15" customHeight="1" x14ac:dyDescent="0.4">
      <c r="A23" s="7" t="s">
        <v>54</v>
      </c>
      <c r="B23" s="8">
        <v>1</v>
      </c>
      <c r="C23" s="11">
        <v>1</v>
      </c>
      <c r="D23" s="12">
        <v>0</v>
      </c>
      <c r="E23" s="7"/>
    </row>
    <row r="24" spans="1:5" ht="25.15" customHeight="1" x14ac:dyDescent="0.4">
      <c r="A24" s="7" t="s">
        <v>5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68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15</v>
      </c>
      <c r="B26" s="8">
        <v>8</v>
      </c>
      <c r="C26" s="11">
        <v>7</v>
      </c>
      <c r="D26" s="12">
        <v>1</v>
      </c>
      <c r="E26" s="7"/>
    </row>
    <row r="27" spans="1:5" ht="25.15" customHeight="1" x14ac:dyDescent="0.4">
      <c r="A27" s="7" t="s">
        <v>5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6</v>
      </c>
      <c r="B28" s="8">
        <v>2</v>
      </c>
      <c r="C28" s="11">
        <v>2</v>
      </c>
      <c r="D28" s="12">
        <v>0</v>
      </c>
      <c r="E28" s="7"/>
    </row>
    <row r="29" spans="1:5" ht="25.15" customHeight="1" x14ac:dyDescent="0.4">
      <c r="A29" s="7" t="s">
        <v>77</v>
      </c>
      <c r="B29" s="8">
        <v>1</v>
      </c>
      <c r="C29" s="11">
        <v>1</v>
      </c>
      <c r="D29" s="12">
        <v>0</v>
      </c>
      <c r="E29" s="7"/>
    </row>
    <row r="30" spans="1:5" ht="25.15" customHeight="1" x14ac:dyDescent="0.4">
      <c r="A30" s="7" t="s">
        <v>17</v>
      </c>
      <c r="B30" s="8">
        <v>1</v>
      </c>
      <c r="C30" s="11">
        <v>1</v>
      </c>
      <c r="D30" s="12">
        <v>0</v>
      </c>
      <c r="E30" s="7"/>
    </row>
    <row r="31" spans="1:5" ht="25.15" customHeight="1" x14ac:dyDescent="0.4">
      <c r="A31" s="7" t="s">
        <v>65</v>
      </c>
      <c r="B31" s="8">
        <v>2</v>
      </c>
      <c r="C31" s="11">
        <v>2</v>
      </c>
      <c r="D31" s="12">
        <v>0</v>
      </c>
      <c r="E31" s="7"/>
    </row>
    <row r="32" spans="1:5" ht="25.15" customHeight="1" x14ac:dyDescent="0.4">
      <c r="A32" s="7" t="s">
        <v>18</v>
      </c>
      <c r="B32" s="8">
        <v>73</v>
      </c>
      <c r="C32" s="11">
        <v>55</v>
      </c>
      <c r="D32" s="12">
        <v>18</v>
      </c>
      <c r="E32" s="7"/>
    </row>
    <row r="33" spans="1:5" ht="25.15" customHeight="1" x14ac:dyDescent="0.4">
      <c r="A33" s="7" t="s">
        <v>19</v>
      </c>
      <c r="B33" s="8">
        <v>307</v>
      </c>
      <c r="C33" s="11">
        <v>206</v>
      </c>
      <c r="D33" s="12">
        <v>101</v>
      </c>
      <c r="E33" s="7"/>
    </row>
    <row r="34" spans="1:5" ht="25.15" customHeight="1" x14ac:dyDescent="0.4">
      <c r="A34" s="7" t="s">
        <v>63</v>
      </c>
      <c r="B34" s="8">
        <v>4</v>
      </c>
      <c r="C34" s="11">
        <v>1</v>
      </c>
      <c r="D34" s="12">
        <v>3</v>
      </c>
      <c r="E34" s="7"/>
    </row>
    <row r="35" spans="1:5" ht="25.15" customHeight="1" x14ac:dyDescent="0.4">
      <c r="A35" s="7" t="s">
        <v>20</v>
      </c>
      <c r="B35" s="8">
        <v>2</v>
      </c>
      <c r="C35" s="11">
        <v>1</v>
      </c>
      <c r="D35" s="12">
        <v>1</v>
      </c>
      <c r="E35" s="7"/>
    </row>
    <row r="36" spans="1:5" ht="25.15" customHeight="1" x14ac:dyDescent="0.4">
      <c r="A36" s="7" t="s">
        <v>21</v>
      </c>
      <c r="B36" s="8">
        <v>3</v>
      </c>
      <c r="C36" s="11">
        <v>3</v>
      </c>
      <c r="D36" s="12">
        <v>0</v>
      </c>
      <c r="E36" s="7"/>
    </row>
    <row r="37" spans="1:5" ht="25.15" customHeight="1" x14ac:dyDescent="0.4">
      <c r="A37" s="7" t="s">
        <v>62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2</v>
      </c>
      <c r="B38" s="8">
        <v>2</v>
      </c>
      <c r="C38" s="11">
        <v>2</v>
      </c>
      <c r="D38" s="12">
        <v>0</v>
      </c>
      <c r="E38" s="7"/>
    </row>
    <row r="39" spans="1:5" ht="25.15" customHeight="1" x14ac:dyDescent="0.4">
      <c r="A39" s="7" t="s">
        <v>23</v>
      </c>
      <c r="B39" s="8">
        <v>106</v>
      </c>
      <c r="C39" s="11">
        <v>59</v>
      </c>
      <c r="D39" s="12">
        <v>47</v>
      </c>
      <c r="E39" s="7"/>
    </row>
    <row r="40" spans="1:5" ht="25.15" customHeight="1" x14ac:dyDescent="0.4">
      <c r="A40" s="7" t="s">
        <v>73</v>
      </c>
      <c r="B40" s="8">
        <v>10</v>
      </c>
      <c r="C40" s="11">
        <v>9</v>
      </c>
      <c r="D40" s="12">
        <v>1</v>
      </c>
      <c r="E40" s="7"/>
    </row>
    <row r="41" spans="1:5" ht="25.15" customHeight="1" x14ac:dyDescent="0.4">
      <c r="A41" s="7" t="s">
        <v>52</v>
      </c>
      <c r="B41" s="8">
        <v>4</v>
      </c>
      <c r="C41" s="11">
        <v>0</v>
      </c>
      <c r="D41" s="12">
        <v>4</v>
      </c>
      <c r="E41" s="7"/>
    </row>
    <row r="42" spans="1:5" ht="25.15" customHeight="1" x14ac:dyDescent="0.4">
      <c r="A42" s="7" t="s">
        <v>78</v>
      </c>
      <c r="B42" s="8">
        <v>1</v>
      </c>
      <c r="C42" s="11">
        <v>1</v>
      </c>
      <c r="D42" s="12">
        <v>0</v>
      </c>
      <c r="E42" s="7"/>
    </row>
    <row r="43" spans="1:5" ht="25.15" customHeight="1" x14ac:dyDescent="0.4">
      <c r="A43" s="7" t="s">
        <v>70</v>
      </c>
      <c r="B43" s="8">
        <v>4</v>
      </c>
      <c r="C43" s="11">
        <v>2</v>
      </c>
      <c r="D43" s="12">
        <v>2</v>
      </c>
      <c r="E43" s="7"/>
    </row>
    <row r="44" spans="1:5" ht="25.15" customHeight="1" x14ac:dyDescent="0.4">
      <c r="A44" s="7" t="s">
        <v>24</v>
      </c>
      <c r="B44" s="8">
        <v>6</v>
      </c>
      <c r="C44" s="11">
        <v>5</v>
      </c>
      <c r="D44" s="12">
        <v>1</v>
      </c>
      <c r="E44" s="7"/>
    </row>
    <row r="45" spans="1:5" ht="25.15" customHeight="1" x14ac:dyDescent="0.4">
      <c r="A45" s="7" t="s">
        <v>25</v>
      </c>
      <c r="B45" s="8">
        <v>8</v>
      </c>
      <c r="C45" s="11">
        <v>4</v>
      </c>
      <c r="D45" s="12">
        <v>4</v>
      </c>
      <c r="E45" s="7"/>
    </row>
    <row r="46" spans="1:5" ht="25.15" customHeight="1" x14ac:dyDescent="0.4">
      <c r="A46" s="7" t="s">
        <v>76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26</v>
      </c>
      <c r="B47" s="8">
        <v>3</v>
      </c>
      <c r="C47" s="11">
        <v>1</v>
      </c>
      <c r="D47" s="12">
        <v>2</v>
      </c>
      <c r="E47" s="7"/>
    </row>
    <row r="48" spans="1:5" ht="25.15" customHeight="1" x14ac:dyDescent="0.4">
      <c r="A48" s="7" t="s">
        <v>67</v>
      </c>
      <c r="B48" s="8">
        <v>2</v>
      </c>
      <c r="C48" s="11">
        <v>0</v>
      </c>
      <c r="D48" s="12">
        <v>2</v>
      </c>
      <c r="E48" s="7"/>
    </row>
    <row r="49" spans="1:5" ht="25.15" customHeight="1" x14ac:dyDescent="0.4">
      <c r="A49" s="7" t="s">
        <v>66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27</v>
      </c>
      <c r="B50" s="8">
        <v>143</v>
      </c>
      <c r="C50" s="11">
        <v>73</v>
      </c>
      <c r="D50" s="12">
        <v>70</v>
      </c>
      <c r="E50" s="7"/>
    </row>
    <row r="51" spans="1:5" ht="25.15" customHeight="1" x14ac:dyDescent="0.4">
      <c r="A51" s="7" t="s">
        <v>59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28</v>
      </c>
      <c r="B52" s="8">
        <v>5</v>
      </c>
      <c r="C52" s="11">
        <v>5</v>
      </c>
      <c r="D52" s="12">
        <v>0</v>
      </c>
      <c r="E52" s="7"/>
    </row>
    <row r="53" spans="1:5" ht="25.15" customHeight="1" x14ac:dyDescent="0.4">
      <c r="A53" s="7" t="s">
        <v>71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74</v>
      </c>
      <c r="B54" s="8">
        <v>2</v>
      </c>
      <c r="C54" s="11">
        <v>2</v>
      </c>
      <c r="D54" s="12">
        <v>0</v>
      </c>
      <c r="E54" s="7"/>
    </row>
    <row r="55" spans="1:5" ht="25.15" customHeight="1" x14ac:dyDescent="0.4">
      <c r="A55" s="7" t="s">
        <v>29</v>
      </c>
      <c r="B55" s="8">
        <v>60</v>
      </c>
      <c r="C55" s="11">
        <v>27</v>
      </c>
      <c r="D55" s="12">
        <v>33</v>
      </c>
      <c r="E55" s="7"/>
    </row>
    <row r="56" spans="1:5" ht="25.15" customHeight="1" x14ac:dyDescent="0.4">
      <c r="A56" s="7" t="s">
        <v>30</v>
      </c>
      <c r="B56" s="8">
        <v>470</v>
      </c>
      <c r="C56" s="11">
        <v>210</v>
      </c>
      <c r="D56" s="12">
        <v>260</v>
      </c>
      <c r="E56" s="7"/>
    </row>
    <row r="57" spans="1:5" ht="25.15" customHeight="1" x14ac:dyDescent="0.4">
      <c r="A57" s="7" t="s">
        <v>64</v>
      </c>
      <c r="B57" s="8">
        <v>1</v>
      </c>
      <c r="C57" s="11">
        <v>0</v>
      </c>
      <c r="D57" s="12">
        <v>1</v>
      </c>
      <c r="E57" s="7"/>
    </row>
    <row r="58" spans="1:5" ht="25.15" customHeight="1" x14ac:dyDescent="0.4">
      <c r="A58" s="7" t="s">
        <v>72</v>
      </c>
      <c r="B58" s="8">
        <v>1</v>
      </c>
      <c r="C58" s="11">
        <v>0</v>
      </c>
      <c r="D58" s="12">
        <v>1</v>
      </c>
      <c r="E58" s="7"/>
    </row>
    <row r="59" spans="1:5" ht="25.15" customHeight="1" x14ac:dyDescent="0.4">
      <c r="A59" s="7" t="s">
        <v>57</v>
      </c>
      <c r="B59" s="8">
        <v>7</v>
      </c>
      <c r="C59" s="11">
        <v>4</v>
      </c>
      <c r="D59" s="12">
        <v>3</v>
      </c>
      <c r="E59" s="7"/>
    </row>
    <row r="60" spans="1:5" ht="25.15" customHeight="1" x14ac:dyDescent="0.4">
      <c r="A60" s="7" t="s">
        <v>31</v>
      </c>
      <c r="B60" s="8">
        <v>1</v>
      </c>
      <c r="C60" s="11">
        <v>1</v>
      </c>
      <c r="D60" s="12">
        <v>0</v>
      </c>
      <c r="E60" s="7"/>
    </row>
    <row r="61" spans="1:5" ht="25.15" customHeight="1" x14ac:dyDescent="0.4">
      <c r="A61" s="7" t="s">
        <v>32</v>
      </c>
      <c r="B61" s="8">
        <v>12</v>
      </c>
      <c r="C61" s="11">
        <v>3</v>
      </c>
      <c r="D61" s="12">
        <v>9</v>
      </c>
      <c r="E61" s="7"/>
    </row>
    <row r="62" spans="1:5" ht="25.15" customHeight="1" x14ac:dyDescent="0.4">
      <c r="A62" s="7" t="s">
        <v>33</v>
      </c>
      <c r="B62" s="8">
        <v>3</v>
      </c>
      <c r="C62" s="11">
        <v>2</v>
      </c>
      <c r="D62" s="12">
        <v>1</v>
      </c>
      <c r="E62" s="7"/>
    </row>
    <row r="63" spans="1:5" ht="25.15" customHeight="1" x14ac:dyDescent="0.4">
      <c r="A63" s="7" t="s">
        <v>34</v>
      </c>
      <c r="B63" s="8">
        <v>1</v>
      </c>
      <c r="C63" s="11">
        <v>1</v>
      </c>
      <c r="D63" s="12">
        <v>0</v>
      </c>
      <c r="E63" s="7"/>
    </row>
    <row r="64" spans="1:5" ht="25.15" customHeight="1" x14ac:dyDescent="0.4">
      <c r="A64" s="7" t="s">
        <v>60</v>
      </c>
      <c r="B64" s="8">
        <v>1</v>
      </c>
      <c r="C64" s="11">
        <v>1</v>
      </c>
      <c r="D64" s="12">
        <v>0</v>
      </c>
      <c r="E64" s="7"/>
    </row>
    <row r="65" spans="1:5" ht="25.15" customHeight="1" x14ac:dyDescent="0.4">
      <c r="A65" s="7" t="s">
        <v>35</v>
      </c>
      <c r="B65" s="8">
        <v>7</v>
      </c>
      <c r="C65" s="11">
        <v>3</v>
      </c>
      <c r="D65" s="12">
        <v>4</v>
      </c>
      <c r="E65" s="7"/>
    </row>
    <row r="66" spans="1:5" ht="25.15" customHeight="1" x14ac:dyDescent="0.4">
      <c r="A66" s="7" t="s">
        <v>61</v>
      </c>
      <c r="B66" s="8">
        <v>1</v>
      </c>
      <c r="C66" s="11">
        <v>0</v>
      </c>
      <c r="D66" s="12">
        <v>1</v>
      </c>
      <c r="E66" s="7"/>
    </row>
    <row r="67" spans="1:5" ht="25.15" customHeight="1" x14ac:dyDescent="0.4">
      <c r="A67" s="7" t="s">
        <v>36</v>
      </c>
      <c r="B67" s="8">
        <v>27</v>
      </c>
      <c r="C67" s="11">
        <v>13</v>
      </c>
      <c r="D67" s="12">
        <v>14</v>
      </c>
      <c r="E67" s="7"/>
    </row>
    <row r="68" spans="1:5" ht="25.15" customHeight="1" x14ac:dyDescent="0.4">
      <c r="A68" s="7" t="s">
        <v>69</v>
      </c>
      <c r="B68" s="8">
        <v>3</v>
      </c>
      <c r="C68" s="11">
        <v>2</v>
      </c>
      <c r="D68" s="12">
        <v>1</v>
      </c>
      <c r="E68" s="7"/>
    </row>
    <row r="69" spans="1:5" ht="25.15" customHeight="1" x14ac:dyDescent="0.4">
      <c r="A69" s="7" t="s">
        <v>37</v>
      </c>
      <c r="B69" s="8">
        <v>2</v>
      </c>
      <c r="C69" s="11">
        <v>1</v>
      </c>
      <c r="D69" s="12">
        <v>1</v>
      </c>
      <c r="E69" s="7"/>
    </row>
    <row r="70" spans="1:5" ht="25.15" customHeight="1" x14ac:dyDescent="0.4">
      <c r="A70" s="7" t="s">
        <v>38</v>
      </c>
      <c r="B70" s="8">
        <v>11</v>
      </c>
      <c r="C70" s="11">
        <v>6</v>
      </c>
      <c r="D70" s="12">
        <v>5</v>
      </c>
      <c r="E70" s="7"/>
    </row>
    <row r="71" spans="1:5" ht="25.15" customHeight="1" x14ac:dyDescent="0.4">
      <c r="A71" s="7" t="s">
        <v>39</v>
      </c>
      <c r="B71" s="8">
        <v>547</v>
      </c>
      <c r="C71" s="11">
        <v>422</v>
      </c>
      <c r="D71" s="12">
        <v>125</v>
      </c>
      <c r="E71" s="7"/>
    </row>
    <row r="72" spans="1:5" ht="25.15" customHeight="1" x14ac:dyDescent="0.4">
      <c r="A72" s="7" t="s">
        <v>40</v>
      </c>
      <c r="B72" s="8">
        <v>4</v>
      </c>
      <c r="C72" s="11">
        <v>2</v>
      </c>
      <c r="D72" s="12">
        <v>2</v>
      </c>
      <c r="E72" s="7"/>
    </row>
    <row r="73" spans="1:5" ht="25.15" customHeight="1" x14ac:dyDescent="0.4">
      <c r="A73" s="7" t="s">
        <v>75</v>
      </c>
      <c r="B73" s="8">
        <v>3</v>
      </c>
      <c r="C73" s="11">
        <v>3</v>
      </c>
      <c r="D73" s="12">
        <v>0</v>
      </c>
      <c r="E73" s="7"/>
    </row>
    <row r="74" spans="1:5" ht="25.15" customHeight="1" x14ac:dyDescent="0.4">
      <c r="A74" s="7" t="s">
        <v>41</v>
      </c>
      <c r="B74" s="8">
        <v>206</v>
      </c>
      <c r="C74" s="11">
        <v>144</v>
      </c>
      <c r="D74" s="12">
        <v>62</v>
      </c>
      <c r="E74" s="7"/>
    </row>
    <row r="75" spans="1:5" ht="25.15" customHeight="1" x14ac:dyDescent="0.4">
      <c r="A75" s="7" t="s">
        <v>42</v>
      </c>
      <c r="B75" s="8">
        <v>2</v>
      </c>
      <c r="C75" s="11">
        <v>1</v>
      </c>
      <c r="D75" s="12">
        <v>1</v>
      </c>
      <c r="E75" s="7"/>
    </row>
    <row r="76" spans="1:5" ht="25.15" customHeight="1" x14ac:dyDescent="0.4">
      <c r="A76" s="7" t="s">
        <v>79</v>
      </c>
      <c r="B76" s="8">
        <v>1</v>
      </c>
      <c r="C76" s="11">
        <v>0</v>
      </c>
      <c r="D76" s="12">
        <v>1</v>
      </c>
      <c r="E76" s="7"/>
    </row>
    <row r="77" spans="1:5" ht="25.15" customHeight="1" x14ac:dyDescent="0.4">
      <c r="A77" s="7"/>
      <c r="B77" s="8"/>
      <c r="C77" s="11"/>
      <c r="D77" s="14"/>
      <c r="E77" s="7"/>
    </row>
    <row r="78" spans="1:5" ht="25.15" customHeight="1" x14ac:dyDescent="0.4">
      <c r="A78" s="5" t="s">
        <v>43</v>
      </c>
      <c r="B78" s="8">
        <v>2657</v>
      </c>
      <c r="C78" s="8">
        <v>1562</v>
      </c>
      <c r="D78" s="8">
        <v>1095</v>
      </c>
      <c r="E78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6-03T07:15:37Z</cp:lastPrinted>
  <dcterms:created xsi:type="dcterms:W3CDTF">2019-11-13T10:25:11Z</dcterms:created>
  <dcterms:modified xsi:type="dcterms:W3CDTF">2026-06-03T07:15:47Z</dcterms:modified>
</cp:coreProperties>
</file>